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C299FFB" w14:textId="77777777" w:rsidR="00711F5E" w:rsidRPr="002717F7" w:rsidRDefault="00E10DC6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14:paraId="43EB3BD2" w14:textId="77777777" w:rsidR="00711F5E" w:rsidRPr="00A1150D" w:rsidRDefault="00711F5E"/>
    <w:p w14:paraId="3262C6C0" w14:textId="047AB17C" w:rsidR="00711F5E" w:rsidRPr="00586B1F" w:rsidRDefault="00E10DC6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E4601D" w:rsidRPr="00E4601D">
        <w:rPr>
          <w:sz w:val="22"/>
        </w:rPr>
        <w:t>Acarix AB</w:t>
      </w:r>
      <w:r w:rsidR="007A0201">
        <w:rPr>
          <w:sz w:val="22"/>
        </w:rPr>
        <w:t>, org.</w:t>
      </w:r>
      <w:r w:rsidRPr="00EC78CB">
        <w:rPr>
          <w:sz w:val="22"/>
        </w:rPr>
        <w:t xml:space="preserve">nr </w:t>
      </w:r>
      <w:proofErr w:type="gramStart"/>
      <w:r w:rsidR="00E4601D" w:rsidRPr="00E4601D">
        <w:rPr>
          <w:sz w:val="22"/>
        </w:rPr>
        <w:t>559009-0667</w:t>
      </w:r>
      <w:proofErr w:type="gramEnd"/>
      <w:r w:rsidRPr="00586B1F">
        <w:rPr>
          <w:sz w:val="22"/>
          <w:szCs w:val="22"/>
        </w:rPr>
        <w:t xml:space="preserve">, vid </w:t>
      </w:r>
      <w:r w:rsidR="00A90640">
        <w:rPr>
          <w:sz w:val="22"/>
          <w:szCs w:val="22"/>
        </w:rPr>
        <w:t>extra bolagsstämma</w:t>
      </w:r>
      <w:r w:rsidRPr="00586B1F">
        <w:rPr>
          <w:sz w:val="22"/>
          <w:szCs w:val="22"/>
        </w:rPr>
        <w:t xml:space="preserve"> i </w:t>
      </w:r>
      <w:r w:rsidR="00D2280A">
        <w:rPr>
          <w:sz w:val="22"/>
        </w:rPr>
        <w:t>bolaget</w:t>
      </w:r>
      <w:r w:rsidRPr="00586B1F">
        <w:rPr>
          <w:sz w:val="22"/>
          <w:szCs w:val="22"/>
        </w:rPr>
        <w:t xml:space="preserve"> den </w:t>
      </w:r>
      <w:r w:rsidR="00A90640">
        <w:rPr>
          <w:sz w:val="22"/>
          <w:szCs w:val="22"/>
        </w:rPr>
        <w:t>2</w:t>
      </w:r>
      <w:r w:rsidR="00C22606">
        <w:rPr>
          <w:sz w:val="22"/>
          <w:szCs w:val="22"/>
        </w:rPr>
        <w:t>7</w:t>
      </w:r>
      <w:r w:rsidR="00C127F6">
        <w:rPr>
          <w:sz w:val="22"/>
          <w:szCs w:val="22"/>
        </w:rPr>
        <w:t> </w:t>
      </w:r>
      <w:r w:rsidR="00A90640">
        <w:rPr>
          <w:sz w:val="22"/>
          <w:szCs w:val="22"/>
        </w:rPr>
        <w:t>oktober</w:t>
      </w:r>
      <w:r w:rsidR="008601D7">
        <w:rPr>
          <w:sz w:val="22"/>
          <w:szCs w:val="22"/>
        </w:rPr>
        <w:t xml:space="preserve"> 202</w:t>
      </w:r>
      <w:r w:rsidR="005B632C">
        <w:rPr>
          <w:sz w:val="22"/>
          <w:szCs w:val="22"/>
        </w:rPr>
        <w:t>5</w:t>
      </w:r>
      <w:r w:rsidRPr="00586B1F">
        <w:rPr>
          <w:sz w:val="22"/>
          <w:szCs w:val="22"/>
        </w:rPr>
        <w:t>.</w:t>
      </w:r>
    </w:p>
    <w:p w14:paraId="126F76F7" w14:textId="77777777" w:rsidR="00711F5E" w:rsidRPr="001D6182" w:rsidRDefault="00711F5E">
      <w:pPr>
        <w:rPr>
          <w:sz w:val="22"/>
          <w:szCs w:val="22"/>
        </w:rPr>
      </w:pPr>
    </w:p>
    <w:p w14:paraId="59339295" w14:textId="77777777" w:rsidR="00711F5E" w:rsidRPr="001D6182" w:rsidRDefault="00E10DC6">
      <w:pPr>
        <w:rPr>
          <w:b/>
          <w:bCs/>
          <w:sz w:val="22"/>
          <w:szCs w:val="22"/>
        </w:rPr>
      </w:pPr>
      <w:r w:rsidRPr="001D6182">
        <w:rPr>
          <w:b/>
          <w:bCs/>
          <w:sz w:val="22"/>
          <w:szCs w:val="22"/>
        </w:rPr>
        <w:t>Ombud</w:t>
      </w:r>
    </w:p>
    <w:p w14:paraId="2A8B4874" w14:textId="77777777" w:rsidR="00711F5E" w:rsidRPr="00A1150D" w:rsidRDefault="00711F5E">
      <w:pPr>
        <w:rPr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8F0C6C" w14:paraId="0319E7D6" w14:textId="77777777" w:rsidTr="00020201">
        <w:tc>
          <w:tcPr>
            <w:tcW w:w="4621" w:type="dxa"/>
          </w:tcPr>
          <w:p w14:paraId="3C675A50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Ombudets namn</w:t>
            </w:r>
          </w:p>
          <w:p w14:paraId="64009689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059C000E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4CBADD58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14:paraId="37CA6504" w14:textId="77777777" w:rsidR="00711F5E" w:rsidRPr="002717F7" w:rsidRDefault="00E10DC6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14:paraId="6A922171" w14:textId="77777777" w:rsidR="00711F5E" w:rsidRPr="002717F7" w:rsidRDefault="00711F5E">
            <w:pPr>
              <w:rPr>
                <w:b/>
                <w:bCs/>
                <w:sz w:val="20"/>
                <w:szCs w:val="20"/>
              </w:rPr>
            </w:pPr>
          </w:p>
        </w:tc>
      </w:tr>
      <w:tr w:rsidR="008F0C6C" w14:paraId="69E8FA22" w14:textId="77777777" w:rsidTr="00020201">
        <w:tc>
          <w:tcPr>
            <w:tcW w:w="9243" w:type="dxa"/>
            <w:gridSpan w:val="2"/>
          </w:tcPr>
          <w:p w14:paraId="13DFB2EB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Utdelningsadress</w:t>
            </w:r>
          </w:p>
          <w:p w14:paraId="07DFA15E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293E3BE9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538D2C4A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</w:tr>
      <w:tr w:rsidR="008F0C6C" w14:paraId="411B6CC0" w14:textId="77777777" w:rsidTr="00020201">
        <w:tc>
          <w:tcPr>
            <w:tcW w:w="4621" w:type="dxa"/>
          </w:tcPr>
          <w:p w14:paraId="29D0CFBB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Postnummer och postadress</w:t>
            </w:r>
          </w:p>
          <w:p w14:paraId="4ABE098E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77817781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3CD297C9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14:paraId="7615C0AD" w14:textId="77777777" w:rsidR="00711F5E" w:rsidRPr="002717F7" w:rsidRDefault="00E10DC6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3B8D91B4" w14:textId="77777777" w:rsidR="00711F5E" w:rsidRPr="002717F7" w:rsidRDefault="00711F5E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15993EA1" w14:textId="77777777" w:rsidR="00711F5E" w:rsidRPr="00A1150D" w:rsidRDefault="00711F5E">
      <w:pPr>
        <w:rPr>
          <w:sz w:val="22"/>
          <w:szCs w:val="22"/>
        </w:rPr>
      </w:pPr>
    </w:p>
    <w:p w14:paraId="33046009" w14:textId="77777777" w:rsidR="00711F5E" w:rsidRPr="001D6182" w:rsidRDefault="00E10DC6">
      <w:pPr>
        <w:rPr>
          <w:b/>
          <w:bCs/>
          <w:sz w:val="22"/>
          <w:szCs w:val="22"/>
        </w:rPr>
      </w:pPr>
      <w:r w:rsidRPr="001D6182">
        <w:rPr>
          <w:b/>
          <w:bCs/>
          <w:sz w:val="22"/>
          <w:szCs w:val="22"/>
        </w:rPr>
        <w:t>Underskrift av aktieägaren</w:t>
      </w:r>
    </w:p>
    <w:p w14:paraId="49E4FFED" w14:textId="77777777" w:rsidR="00711F5E" w:rsidRPr="00A1150D" w:rsidRDefault="00711F5E">
      <w:pPr>
        <w:rPr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8F0C6C" w14:paraId="375A53AE" w14:textId="77777777" w:rsidTr="00020201">
        <w:tc>
          <w:tcPr>
            <w:tcW w:w="4621" w:type="dxa"/>
          </w:tcPr>
          <w:p w14:paraId="713B0BF3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Aktieägarens namn</w:t>
            </w:r>
          </w:p>
          <w:p w14:paraId="014655DA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02584751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0FB4ADF8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14:paraId="2182C345" w14:textId="77777777" w:rsidR="00711F5E" w:rsidRPr="002717F7" w:rsidRDefault="00E10DC6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14:paraId="3089F3CA" w14:textId="77777777" w:rsidR="00711F5E" w:rsidRPr="002717F7" w:rsidRDefault="00711F5E">
            <w:pPr>
              <w:rPr>
                <w:b/>
                <w:bCs/>
                <w:sz w:val="20"/>
                <w:szCs w:val="20"/>
              </w:rPr>
            </w:pPr>
          </w:p>
        </w:tc>
      </w:tr>
      <w:tr w:rsidR="008F0C6C" w14:paraId="59F19A11" w14:textId="77777777" w:rsidTr="00020201">
        <w:tc>
          <w:tcPr>
            <w:tcW w:w="4621" w:type="dxa"/>
          </w:tcPr>
          <w:p w14:paraId="1F48FA64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Ort och datum</w:t>
            </w:r>
          </w:p>
          <w:p w14:paraId="4DBA84BA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0782A878" w14:textId="77777777" w:rsidR="00711F5E" w:rsidRPr="00A1150D" w:rsidRDefault="00711F5E">
            <w:pPr>
              <w:rPr>
                <w:sz w:val="20"/>
                <w:szCs w:val="20"/>
              </w:rPr>
            </w:pPr>
          </w:p>
          <w:p w14:paraId="3A85AF5A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14:paraId="35A4EC88" w14:textId="77777777" w:rsidR="00711F5E" w:rsidRPr="002717F7" w:rsidRDefault="00E10DC6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1312F945" w14:textId="77777777" w:rsidR="00711F5E" w:rsidRPr="002717F7" w:rsidRDefault="00711F5E">
            <w:pPr>
              <w:rPr>
                <w:sz w:val="20"/>
                <w:szCs w:val="20"/>
              </w:rPr>
            </w:pPr>
          </w:p>
        </w:tc>
      </w:tr>
      <w:tr w:rsidR="008F0C6C" w14:paraId="22182CCE" w14:textId="77777777" w:rsidTr="00020201">
        <w:tc>
          <w:tcPr>
            <w:tcW w:w="9243" w:type="dxa"/>
            <w:gridSpan w:val="2"/>
          </w:tcPr>
          <w:p w14:paraId="24B05B63" w14:textId="77777777" w:rsidR="00711F5E" w:rsidRPr="00A1150D" w:rsidRDefault="00E10DC6">
            <w:pPr>
              <w:rPr>
                <w:sz w:val="20"/>
                <w:szCs w:val="20"/>
              </w:rPr>
            </w:pPr>
            <w:r w:rsidRPr="00A1150D">
              <w:rPr>
                <w:sz w:val="20"/>
                <w:szCs w:val="20"/>
              </w:rPr>
              <w:t>Namnteckning*</w:t>
            </w:r>
          </w:p>
          <w:p w14:paraId="1CAEBD4F" w14:textId="798BFB78" w:rsidR="00711F5E" w:rsidRPr="00A1150D" w:rsidRDefault="00711F5E">
            <w:pPr>
              <w:rPr>
                <w:sz w:val="20"/>
                <w:szCs w:val="20"/>
              </w:rPr>
            </w:pPr>
          </w:p>
          <w:p w14:paraId="0A3B22B5" w14:textId="77777777" w:rsidR="00A1150D" w:rsidRPr="00A1150D" w:rsidRDefault="00A1150D">
            <w:pPr>
              <w:rPr>
                <w:sz w:val="20"/>
                <w:szCs w:val="20"/>
              </w:rPr>
            </w:pPr>
          </w:p>
          <w:p w14:paraId="76A13917" w14:textId="77777777" w:rsidR="00711F5E" w:rsidRPr="00A1150D" w:rsidRDefault="00711F5E">
            <w:pPr>
              <w:rPr>
                <w:sz w:val="20"/>
                <w:szCs w:val="20"/>
              </w:rPr>
            </w:pPr>
          </w:p>
        </w:tc>
      </w:tr>
    </w:tbl>
    <w:p w14:paraId="147BA1A5" w14:textId="77777777" w:rsidR="00711F5E" w:rsidRPr="00586B1F" w:rsidRDefault="00E10DC6">
      <w:pPr>
        <w:rPr>
          <w:sz w:val="20"/>
          <w:szCs w:val="20"/>
        </w:rPr>
      </w:pPr>
      <w:r w:rsidRPr="00586B1F">
        <w:rPr>
          <w:sz w:val="20"/>
          <w:szCs w:val="20"/>
        </w:rPr>
        <w:t xml:space="preserve">* Vid firmateckning ska namnförtydligande anges vid namnteckningen och aktuellt registreringsbevis </w:t>
      </w:r>
      <w:r>
        <w:rPr>
          <w:sz w:val="20"/>
          <w:szCs w:val="20"/>
        </w:rPr>
        <w:t xml:space="preserve">(eller </w:t>
      </w:r>
      <w:r w:rsidR="0067404F">
        <w:rPr>
          <w:sz w:val="20"/>
          <w:szCs w:val="20"/>
        </w:rPr>
        <w:t>motsvarande</w:t>
      </w:r>
      <w:r>
        <w:rPr>
          <w:sz w:val="20"/>
          <w:szCs w:val="20"/>
        </w:rPr>
        <w:t xml:space="preserve"> handling) </w:t>
      </w:r>
      <w:r w:rsidRPr="00586B1F">
        <w:rPr>
          <w:sz w:val="20"/>
          <w:szCs w:val="20"/>
        </w:rPr>
        <w:t xml:space="preserve">biläggas det ifyllda fullmaktsformuläret. </w:t>
      </w:r>
    </w:p>
    <w:p w14:paraId="65F5035E" w14:textId="7F79F4C9" w:rsidR="00711F5E" w:rsidRDefault="00711F5E"/>
    <w:tbl>
      <w:tblPr>
        <w:tblW w:w="5000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017"/>
      </w:tblGrid>
      <w:tr w:rsidR="00E4645B" w:rsidRPr="00E4645B" w14:paraId="33ECA512" w14:textId="77777777" w:rsidTr="003B4DB0">
        <w:tc>
          <w:tcPr>
            <w:tcW w:w="5000" w:type="pct"/>
          </w:tcPr>
          <w:p w14:paraId="4B1D5FFB" w14:textId="3115847F" w:rsidR="00E4645B" w:rsidRPr="00E4645B" w:rsidRDefault="00E4645B" w:rsidP="003B4DB0">
            <w:pPr>
              <w:jc w:val="both"/>
              <w:rPr>
                <w:bCs/>
                <w:color w:val="000000"/>
                <w:sz w:val="20"/>
                <w:szCs w:val="20"/>
                <w:lang w:eastAsia="sv-SE"/>
              </w:rPr>
            </w:pPr>
            <w:r w:rsidRPr="00213404">
              <w:rPr>
                <w:sz w:val="20"/>
                <w:szCs w:val="20"/>
              </w:rPr>
              <w:t xml:space="preserve">Observera att anmälan om aktieägares deltagande vid bolagsstämman måste ske på det sätt som föreskrivs i kallelsen även om aktieägaren önskar utöva sin rösträtt genom ombud. Inskickat fullmaktsformulär gäller </w:t>
            </w:r>
            <w:r w:rsidRPr="00213404">
              <w:rPr>
                <w:sz w:val="20"/>
                <w:szCs w:val="20"/>
                <w:u w:val="single"/>
              </w:rPr>
              <w:t>inte</w:t>
            </w:r>
            <w:r w:rsidRPr="00213404">
              <w:rPr>
                <w:sz w:val="20"/>
                <w:szCs w:val="20"/>
              </w:rPr>
              <w:t xml:space="preserve"> som anmälan till bolagsstämman.</w:t>
            </w:r>
          </w:p>
          <w:p w14:paraId="40F7F29B" w14:textId="77777777" w:rsidR="00E4645B" w:rsidRPr="00E4645B" w:rsidRDefault="00E4645B" w:rsidP="003B4DB0">
            <w:pPr>
              <w:jc w:val="both"/>
              <w:rPr>
                <w:bCs/>
                <w:color w:val="000000"/>
                <w:sz w:val="20"/>
                <w:szCs w:val="20"/>
                <w:lang w:eastAsia="sv-SE"/>
              </w:rPr>
            </w:pPr>
          </w:p>
          <w:p w14:paraId="0322F6A9" w14:textId="76033B84" w:rsidR="00E4645B" w:rsidRPr="00E4645B" w:rsidRDefault="00E4645B" w:rsidP="003B4DB0">
            <w:pPr>
              <w:jc w:val="both"/>
              <w:rPr>
                <w:sz w:val="20"/>
                <w:szCs w:val="20"/>
              </w:rPr>
            </w:pPr>
            <w:r w:rsidRPr="00213404">
              <w:rPr>
                <w:sz w:val="20"/>
                <w:szCs w:val="20"/>
              </w:rPr>
              <w:t xml:space="preserve">Det ifyllda fullmaktsformuläret (med eventuella bilagor) bör sändas till </w:t>
            </w:r>
            <w:r w:rsidRPr="00193EE5">
              <w:rPr>
                <w:sz w:val="20"/>
                <w:szCs w:val="20"/>
              </w:rPr>
              <w:t>Acarix AB,</w:t>
            </w:r>
            <w:r w:rsidR="00C843E1">
              <w:rPr>
                <w:sz w:val="20"/>
                <w:szCs w:val="20"/>
              </w:rPr>
              <w:t xml:space="preserve"> Att: Christian Lindholm,</w:t>
            </w:r>
            <w:r w:rsidRPr="00193EE5">
              <w:rPr>
                <w:sz w:val="20"/>
                <w:szCs w:val="20"/>
              </w:rPr>
              <w:t xml:space="preserve"> c/o Regus Hyllie, Hyllie Boulevard 34, 5 tr, 21</w:t>
            </w:r>
            <w:r>
              <w:rPr>
                <w:sz w:val="20"/>
                <w:szCs w:val="20"/>
              </w:rPr>
              <w:t>5</w:t>
            </w:r>
            <w:r w:rsidRPr="00193EE5">
              <w:rPr>
                <w:sz w:val="20"/>
                <w:szCs w:val="20"/>
              </w:rPr>
              <w:t xml:space="preserve"> </w:t>
            </w:r>
            <w:r>
              <w:rPr>
                <w:sz w:val="20"/>
                <w:szCs w:val="20"/>
              </w:rPr>
              <w:t>32</w:t>
            </w:r>
            <w:r w:rsidRPr="00193EE5">
              <w:rPr>
                <w:sz w:val="20"/>
                <w:szCs w:val="20"/>
              </w:rPr>
              <w:t xml:space="preserve"> Malmö</w:t>
            </w:r>
            <w:r w:rsidR="00A1150D">
              <w:rPr>
                <w:sz w:val="20"/>
                <w:szCs w:val="20"/>
              </w:rPr>
              <w:t>,</w:t>
            </w:r>
            <w:r w:rsidR="00A1150D">
              <w:t xml:space="preserve"> </w:t>
            </w:r>
            <w:r w:rsidR="00A1150D" w:rsidRPr="00A1150D">
              <w:rPr>
                <w:sz w:val="20"/>
                <w:szCs w:val="20"/>
              </w:rPr>
              <w:t>eller per e-post till christian.lindholm@acarix.com.</w:t>
            </w:r>
            <w:r w:rsidRPr="00213404">
              <w:rPr>
                <w:sz w:val="20"/>
                <w:szCs w:val="20"/>
              </w:rPr>
              <w:t xml:space="preserve"> tillsammans med anmälan om deltagande i god tid före stämman. Om aktieägaren </w:t>
            </w:r>
            <w:r w:rsidRPr="008601D7">
              <w:rPr>
                <w:sz w:val="20"/>
                <w:szCs w:val="20"/>
              </w:rPr>
              <w:t>inte</w:t>
            </w:r>
            <w:r w:rsidRPr="00213404">
              <w:rPr>
                <w:i/>
                <w:sz w:val="20"/>
                <w:szCs w:val="20"/>
              </w:rPr>
              <w:t xml:space="preserve"> </w:t>
            </w:r>
            <w:r w:rsidRPr="00213404">
              <w:rPr>
                <w:sz w:val="20"/>
                <w:szCs w:val="20"/>
              </w:rPr>
              <w:t xml:space="preserve">önskar utöva sin rösträtt genom ombud behöver fullmaktsformuläret </w:t>
            </w:r>
            <w:r w:rsidRPr="008601D7">
              <w:rPr>
                <w:sz w:val="20"/>
                <w:szCs w:val="20"/>
                <w:u w:val="single"/>
              </w:rPr>
              <w:t>inte</w:t>
            </w:r>
            <w:r w:rsidRPr="00213404">
              <w:rPr>
                <w:sz w:val="20"/>
                <w:szCs w:val="20"/>
              </w:rPr>
              <w:t xml:space="preserve"> skickas in.</w:t>
            </w:r>
          </w:p>
          <w:p w14:paraId="6F5D5668" w14:textId="77777777" w:rsidR="00E4645B" w:rsidRPr="00E4645B" w:rsidRDefault="00E4645B" w:rsidP="003B4DB0">
            <w:pPr>
              <w:jc w:val="both"/>
              <w:rPr>
                <w:sz w:val="20"/>
                <w:szCs w:val="20"/>
              </w:rPr>
            </w:pPr>
          </w:p>
          <w:p w14:paraId="6AC8C9A5" w14:textId="19AEFC9B" w:rsidR="00E4645B" w:rsidRPr="00E4645B" w:rsidRDefault="00E4645B" w:rsidP="003B4DB0">
            <w:pPr>
              <w:jc w:val="both"/>
              <w:rPr>
                <w:bCs/>
                <w:color w:val="000000"/>
                <w:sz w:val="20"/>
                <w:szCs w:val="20"/>
                <w:lang w:eastAsia="sv-SE"/>
              </w:rPr>
            </w:pPr>
            <w:r w:rsidRPr="0067404F">
              <w:rPr>
                <w:sz w:val="20"/>
                <w:szCs w:val="20"/>
              </w:rPr>
              <w:t xml:space="preserve">För information om hur dina personuppgifter behandlas hänvisas till den integritetspolicy som finns tillgänglig på Euroclear Sweden AB:s hemsida: </w:t>
            </w:r>
            <w:r w:rsidRPr="00F331E2">
              <w:rPr>
                <w:sz w:val="20"/>
                <w:szCs w:val="20"/>
              </w:rPr>
              <w:t>https://www.euroclear.com/dam/ESw/Legal/Integritetspolicy-bolagsstammor-svenska.pdf</w:t>
            </w:r>
          </w:p>
        </w:tc>
      </w:tr>
    </w:tbl>
    <w:p w14:paraId="40A4467D" w14:textId="77777777" w:rsidR="00E4645B" w:rsidRPr="00E4645B" w:rsidRDefault="00E4645B"/>
    <w:sectPr w:rsidR="00E4645B" w:rsidRPr="00E4645B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6ABBB2E" w14:textId="77777777" w:rsidR="007F078A" w:rsidRDefault="007F078A">
      <w:r>
        <w:separator/>
      </w:r>
    </w:p>
  </w:endnote>
  <w:endnote w:type="continuationSeparator" w:id="0">
    <w:p w14:paraId="198695FC" w14:textId="77777777" w:rsidR="007F078A" w:rsidRDefault="007F078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144C75" w14:textId="77777777" w:rsidR="00711F5E" w:rsidRDefault="00711F5E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691039FA" w14:textId="77777777">
      <w:tc>
        <w:tcPr>
          <w:tcW w:w="2000" w:type="pct"/>
          <w:vAlign w:val="bottom"/>
        </w:tcPr>
        <w:p w14:paraId="77C61D49" w14:textId="77777777" w:rsidR="00711F5E" w:rsidRDefault="00E10DC6">
          <w:pPr>
            <w:pStyle w:val="Sidfot"/>
          </w:pPr>
          <w:r>
            <w:t>2011-12-30 15:25 (2K)</w:t>
          </w:r>
        </w:p>
        <w:p w14:paraId="065E723C" w14:textId="77777777" w:rsidR="00711F5E" w:rsidRDefault="00E10DC6" w:rsidP="00093537">
          <w:pPr>
            <w:pStyle w:val="Sidfot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70510CE2" w14:textId="77777777" w:rsidR="00711F5E" w:rsidRDefault="00711F5E">
          <w:pPr>
            <w:pStyle w:val="WCPageNumber"/>
          </w:pPr>
        </w:p>
      </w:tc>
      <w:tc>
        <w:tcPr>
          <w:tcW w:w="2000" w:type="pct"/>
        </w:tcPr>
        <w:p w14:paraId="706836EE" w14:textId="77777777" w:rsidR="00711F5E" w:rsidRDefault="00711F5E">
          <w:pPr>
            <w:pStyle w:val="Sidfot"/>
            <w:jc w:val="right"/>
          </w:pPr>
        </w:p>
      </w:tc>
    </w:tr>
  </w:tbl>
  <w:p w14:paraId="2E8D0CDB" w14:textId="77777777" w:rsidR="00711F5E" w:rsidRDefault="00711F5E">
    <w:pPr>
      <w:pStyle w:val="Sidfot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03A7911" w14:textId="77777777" w:rsidR="00711F5E" w:rsidRDefault="00711F5E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42427B42" w14:textId="77777777">
      <w:tc>
        <w:tcPr>
          <w:tcW w:w="2000" w:type="pct"/>
          <w:vAlign w:val="bottom"/>
        </w:tcPr>
        <w:p w14:paraId="3E437371" w14:textId="77777777" w:rsidR="00711F5E" w:rsidRDefault="00E10DC6">
          <w:pPr>
            <w:pStyle w:val="Sidfot"/>
          </w:pPr>
          <w:r>
            <w:t>2011-12-30 15:25 (2K)</w:t>
          </w:r>
        </w:p>
        <w:p w14:paraId="3CB08FF7" w14:textId="77777777" w:rsidR="00711F5E" w:rsidRDefault="00E10DC6" w:rsidP="00093537">
          <w:pPr>
            <w:pStyle w:val="Sidfot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5C8FCF5F" w14:textId="77777777" w:rsidR="00711F5E" w:rsidRDefault="00E10DC6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141344C8" w14:textId="77777777" w:rsidR="00711F5E" w:rsidRDefault="00711F5E">
          <w:pPr>
            <w:pStyle w:val="Sidfot"/>
            <w:jc w:val="right"/>
          </w:pPr>
        </w:p>
      </w:tc>
    </w:tr>
  </w:tbl>
  <w:p w14:paraId="0B7F5B36" w14:textId="77777777" w:rsidR="00421289" w:rsidRDefault="00E10DC6">
    <w:pPr>
      <w:pStyle w:val="Sidfot"/>
      <w:rPr>
        <w:sz w:val="8"/>
      </w:rPr>
    </w:pPr>
    <w:r>
      <w:rPr>
        <w:sz w:val="8"/>
      </w:rPr>
      <w:t>1741917-v1\STODMS</w:t>
    </w:r>
  </w:p>
  <w:p w14:paraId="2FDADDFE" w14:textId="77777777" w:rsidR="00711F5E" w:rsidRDefault="00421289" w:rsidP="00421289">
    <w:pPr>
      <w:pStyle w:val="Sidfot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21289">
      <w:rPr>
        <w:sz w:val="14"/>
      </w:rPr>
      <w:instrText>IF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VARIABLE "SWDocIDLocation" </w:instrText>
    </w:r>
    <w:r w:rsidRPr="00421289">
      <w:rPr>
        <w:sz w:val="14"/>
      </w:rPr>
      <w:fldChar w:fldCharType="separate"/>
    </w:r>
    <w:r>
      <w:rPr>
        <w:sz w:val="14"/>
      </w:rPr>
      <w:instrText>1</w:instrText>
    </w:r>
    <w:r w:rsidRPr="00421289">
      <w:rPr>
        <w:sz w:val="14"/>
      </w:rPr>
      <w:fldChar w:fldCharType="end"/>
    </w:r>
    <w:r w:rsidRPr="00421289">
      <w:rPr>
        <w:sz w:val="14"/>
      </w:rPr>
      <w:instrText>" = "1"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PROPERTY "SWDocID" </w:instrText>
    </w:r>
    <w:r w:rsidRPr="00421289">
      <w:rPr>
        <w:sz w:val="14"/>
      </w:rPr>
      <w:fldChar w:fldCharType="separate"/>
    </w:r>
    <w:r>
      <w:rPr>
        <w:sz w:val="14"/>
      </w:rPr>
      <w:instrText>2740647-v1\STODMS</w:instrText>
    </w:r>
    <w:r w:rsidRPr="00421289">
      <w:rPr>
        <w:sz w:val="14"/>
      </w:rPr>
      <w:fldChar w:fldCharType="end"/>
    </w:r>
    <w:r w:rsidRPr="00421289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4064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76EA35A" w14:textId="77777777" w:rsidR="00F331E2" w:rsidRDefault="00F331E2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A8B6D6A" w14:textId="77777777" w:rsidR="007F078A" w:rsidRDefault="007F078A">
      <w:r>
        <w:separator/>
      </w:r>
    </w:p>
  </w:footnote>
  <w:footnote w:type="continuationSeparator" w:id="0">
    <w:p w14:paraId="37DEC9F8" w14:textId="77777777" w:rsidR="007F078A" w:rsidRDefault="007F078A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54E306" w14:textId="77777777" w:rsidR="00F331E2" w:rsidRDefault="00F331E2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BC2C7C3" w14:textId="77777777" w:rsidR="00F331E2" w:rsidRDefault="00F331E2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E30409" w14:textId="77777777" w:rsidR="00F331E2" w:rsidRDefault="00F331E2">
    <w:pPr>
      <w:pStyle w:val="Sidhuvud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619067570">
    <w:abstractNumId w:val="9"/>
  </w:num>
  <w:num w:numId="2" w16cid:durableId="802506766">
    <w:abstractNumId w:val="7"/>
  </w:num>
  <w:num w:numId="3" w16cid:durableId="348683826">
    <w:abstractNumId w:val="6"/>
  </w:num>
  <w:num w:numId="4" w16cid:durableId="2068063205">
    <w:abstractNumId w:val="5"/>
  </w:num>
  <w:num w:numId="5" w16cid:durableId="1348172121">
    <w:abstractNumId w:val="4"/>
  </w:num>
  <w:num w:numId="6" w16cid:durableId="1550267331">
    <w:abstractNumId w:val="8"/>
  </w:num>
  <w:num w:numId="7" w16cid:durableId="492569529">
    <w:abstractNumId w:val="3"/>
  </w:num>
  <w:num w:numId="8" w16cid:durableId="1559433603">
    <w:abstractNumId w:val="2"/>
  </w:num>
  <w:num w:numId="9" w16cid:durableId="2146459238">
    <w:abstractNumId w:val="1"/>
  </w:num>
  <w:num w:numId="10" w16cid:durableId="147031875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F0C6C"/>
    <w:rsid w:val="000467CD"/>
    <w:rsid w:val="00193EE5"/>
    <w:rsid w:val="001D6182"/>
    <w:rsid w:val="00213404"/>
    <w:rsid w:val="00216D0C"/>
    <w:rsid w:val="002B6643"/>
    <w:rsid w:val="003953CD"/>
    <w:rsid w:val="00421289"/>
    <w:rsid w:val="004732C3"/>
    <w:rsid w:val="004C2B65"/>
    <w:rsid w:val="00531DE6"/>
    <w:rsid w:val="00531E44"/>
    <w:rsid w:val="00555093"/>
    <w:rsid w:val="005B632C"/>
    <w:rsid w:val="005D7997"/>
    <w:rsid w:val="005E33FF"/>
    <w:rsid w:val="006577B0"/>
    <w:rsid w:val="0067404F"/>
    <w:rsid w:val="00683925"/>
    <w:rsid w:val="00685415"/>
    <w:rsid w:val="006B271B"/>
    <w:rsid w:val="00711F5E"/>
    <w:rsid w:val="007342D9"/>
    <w:rsid w:val="007A0201"/>
    <w:rsid w:val="007A321D"/>
    <w:rsid w:val="007E3776"/>
    <w:rsid w:val="007F078A"/>
    <w:rsid w:val="008601D7"/>
    <w:rsid w:val="008F0C6C"/>
    <w:rsid w:val="00A1150D"/>
    <w:rsid w:val="00A90640"/>
    <w:rsid w:val="00AB2F6C"/>
    <w:rsid w:val="00B4618D"/>
    <w:rsid w:val="00B967E7"/>
    <w:rsid w:val="00BF1100"/>
    <w:rsid w:val="00C127F6"/>
    <w:rsid w:val="00C22606"/>
    <w:rsid w:val="00C843E1"/>
    <w:rsid w:val="00C86D29"/>
    <w:rsid w:val="00D2280A"/>
    <w:rsid w:val="00D4679C"/>
    <w:rsid w:val="00E10DC6"/>
    <w:rsid w:val="00E4601D"/>
    <w:rsid w:val="00E4645B"/>
    <w:rsid w:val="00EF1BCC"/>
    <w:rsid w:val="00F331E2"/>
    <w:rsid w:val="00F708E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,"/>
  <w:listSeparator w:val=";"/>
  <w14:docId w14:val="244F1DEA"/>
  <w15:docId w15:val="{177D20A5-1F49-4CD6-AB66-37E71A6E850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styleId="Sidhuvud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Sidfot">
    <w:name w:val="footer"/>
    <w:rPr>
      <w:sz w:val="12"/>
      <w:lang w:val="en-US" w:eastAsia="en-US"/>
    </w:rPr>
  </w:style>
  <w:style w:type="paragraph" w:styleId="Fotnotstext">
    <w:name w:val="footnote text"/>
    <w:basedOn w:val="Normal"/>
    <w:semiHidden/>
    <w:rPr>
      <w:sz w:val="20"/>
      <w:szCs w:val="20"/>
    </w:rPr>
  </w:style>
  <w:style w:type="character" w:styleId="Sidnumm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ellrutnt">
    <w:name w:val="Table Grid"/>
    <w:basedOn w:val="Normaltabel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ngtext">
    <w:name w:val="Balloon Text"/>
    <w:basedOn w:val="Normal"/>
    <w:link w:val="BallongtextChar"/>
    <w:rsid w:val="00382EBC"/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rsid w:val="00382EBC"/>
    <w:rPr>
      <w:rFonts w:ascii="Tahoma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4C2B65"/>
    <w:rPr>
      <w:sz w:val="24"/>
      <w:szCs w:val="24"/>
      <w:lang w:eastAsia="en-US"/>
    </w:rPr>
  </w:style>
  <w:style w:type="character" w:styleId="Hyperlnk">
    <w:name w:val="Hyperlink"/>
    <w:basedOn w:val="Standardstycketeckensnitt"/>
    <w:unhideWhenUsed/>
    <w:rsid w:val="00E4645B"/>
    <w:rPr>
      <w:color w:val="0000FF" w:themeColor="hyperlink"/>
      <w:u w:val="single"/>
    </w:rPr>
  </w:style>
  <w:style w:type="character" w:styleId="Olstomnmnande">
    <w:name w:val="Unresolved Mention"/>
    <w:basedOn w:val="Standardstycketeckensnitt"/>
    <w:uiPriority w:val="99"/>
    <w:semiHidden/>
    <w:unhideWhenUsed/>
    <w:rsid w:val="00E4645B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80</Words>
  <Characters>1364</Characters>
  <Application>Microsoft Office Word</Application>
  <DocSecurity>0</DocSecurity>
  <Lines>11</Lines>
  <Paragraphs>3</Paragraphs>
  <ScaleCrop>false</ScaleCrop>
  <Company/>
  <LinksUpToDate>false</LinksUpToDate>
  <CharactersWithSpaces>154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>Christian Lindholm</cp:lastModifiedBy>
  <cp:revision>2</cp:revision>
  <dcterms:created xsi:type="dcterms:W3CDTF">2025-10-08T13:17:00Z</dcterms:created>
  <dcterms:modified xsi:type="dcterms:W3CDTF">2025-10-08T13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Lorem_Ipsum_Template_String">
    <vt:lpwstr>Loremipsumlolorsitamet</vt:lpwstr>
  </property>
</Properties>
</file>